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8\HP2208\"/>
    </mc:Choice>
  </mc:AlternateContent>
  <xr:revisionPtr revIDLastSave="0" documentId="8_{D1AB1EFC-8B46-47E7-B8BA-05ACA7432567}" xr6:coauthVersionLast="47" xr6:coauthVersionMax="47" xr10:uidLastSave="{00000000-0000-0000-0000-000000000000}"/>
  <bookViews>
    <workbookView xWindow="-108" yWindow="-108" windowWidth="23256" windowHeight="12576" xr2:uid="{B140B21A-AB51-4C86-9E3B-12118B23DCB5}"/>
  </bookViews>
  <sheets>
    <sheet name="0000" sheetId="1" r:id="rId1"/>
  </sheets>
  <definedNames>
    <definedName name="_xlnm.Print_Titles" localSheetId="0">'0000'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4年8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8B11DD-8059-4121-9DE8-12A796FFB212}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305</v>
      </c>
      <c r="C6" s="19">
        <v>1210</v>
      </c>
      <c r="D6" s="20">
        <v>2515</v>
      </c>
      <c r="E6" s="21">
        <v>16</v>
      </c>
      <c r="F6" s="22">
        <v>14</v>
      </c>
      <c r="G6" s="23">
        <v>30</v>
      </c>
      <c r="H6" s="21">
        <v>1321</v>
      </c>
      <c r="I6" s="22">
        <v>1224</v>
      </c>
      <c r="J6" s="23">
        <v>2545</v>
      </c>
    </row>
    <row r="7" spans="1:10" ht="18" customHeight="1" x14ac:dyDescent="0.2">
      <c r="A7" s="24">
        <v>1</v>
      </c>
      <c r="B7" s="25">
        <v>1339</v>
      </c>
      <c r="C7" s="26">
        <v>1369</v>
      </c>
      <c r="D7" s="27">
        <v>2708</v>
      </c>
      <c r="E7" s="28">
        <v>26</v>
      </c>
      <c r="F7" s="29">
        <v>11</v>
      </c>
      <c r="G7" s="30">
        <v>37</v>
      </c>
      <c r="H7" s="28">
        <v>1365</v>
      </c>
      <c r="I7" s="29">
        <v>1380</v>
      </c>
      <c r="J7" s="30">
        <v>2745</v>
      </c>
    </row>
    <row r="8" spans="1:10" ht="18" customHeight="1" x14ac:dyDescent="0.2">
      <c r="A8" s="24">
        <v>2</v>
      </c>
      <c r="B8" s="25">
        <v>1421</v>
      </c>
      <c r="C8" s="26">
        <v>1349</v>
      </c>
      <c r="D8" s="27">
        <v>2770</v>
      </c>
      <c r="E8" s="28">
        <v>28</v>
      </c>
      <c r="F8" s="29">
        <v>18</v>
      </c>
      <c r="G8" s="30">
        <v>46</v>
      </c>
      <c r="H8" s="28">
        <v>1449</v>
      </c>
      <c r="I8" s="29">
        <v>1367</v>
      </c>
      <c r="J8" s="30">
        <v>2816</v>
      </c>
    </row>
    <row r="9" spans="1:10" ht="18" customHeight="1" x14ac:dyDescent="0.2">
      <c r="A9" s="24">
        <v>3</v>
      </c>
      <c r="B9" s="25">
        <v>1464</v>
      </c>
      <c r="C9" s="26">
        <v>1448</v>
      </c>
      <c r="D9" s="27">
        <v>2912</v>
      </c>
      <c r="E9" s="28">
        <v>22</v>
      </c>
      <c r="F9" s="29">
        <v>18</v>
      </c>
      <c r="G9" s="30">
        <v>40</v>
      </c>
      <c r="H9" s="28">
        <v>1486</v>
      </c>
      <c r="I9" s="29">
        <v>1466</v>
      </c>
      <c r="J9" s="30">
        <v>2952</v>
      </c>
    </row>
    <row r="10" spans="1:10" ht="18" customHeight="1" x14ac:dyDescent="0.2">
      <c r="A10" s="24">
        <v>4</v>
      </c>
      <c r="B10" s="25">
        <v>1520</v>
      </c>
      <c r="C10" s="26">
        <v>1416</v>
      </c>
      <c r="D10" s="27">
        <v>2936</v>
      </c>
      <c r="E10" s="28">
        <v>25</v>
      </c>
      <c r="F10" s="29">
        <v>32</v>
      </c>
      <c r="G10" s="30">
        <v>57</v>
      </c>
      <c r="H10" s="28">
        <v>1545</v>
      </c>
      <c r="I10" s="29">
        <v>1448</v>
      </c>
      <c r="J10" s="30">
        <v>2993</v>
      </c>
    </row>
    <row r="11" spans="1:10" ht="18" customHeight="1" x14ac:dyDescent="0.2">
      <c r="A11" s="24" t="s">
        <v>9</v>
      </c>
      <c r="B11" s="25">
        <v>7049</v>
      </c>
      <c r="C11" s="26">
        <v>6792</v>
      </c>
      <c r="D11" s="27">
        <v>13841</v>
      </c>
      <c r="E11" s="31">
        <v>117</v>
      </c>
      <c r="F11" s="26">
        <v>93</v>
      </c>
      <c r="G11" s="27">
        <v>210</v>
      </c>
      <c r="H11" s="31">
        <v>7166</v>
      </c>
      <c r="I11" s="26">
        <v>6885</v>
      </c>
      <c r="J11" s="27">
        <v>14051</v>
      </c>
    </row>
    <row r="12" spans="1:10" ht="18" customHeight="1" x14ac:dyDescent="0.2">
      <c r="A12" s="24">
        <v>5</v>
      </c>
      <c r="B12" s="25">
        <v>1586</v>
      </c>
      <c r="C12" s="26">
        <v>1494</v>
      </c>
      <c r="D12" s="27">
        <v>3080</v>
      </c>
      <c r="E12" s="31">
        <v>15</v>
      </c>
      <c r="F12" s="26">
        <v>26</v>
      </c>
      <c r="G12" s="27">
        <v>41</v>
      </c>
      <c r="H12" s="31">
        <v>1601</v>
      </c>
      <c r="I12" s="26">
        <v>1520</v>
      </c>
      <c r="J12" s="27">
        <v>3121</v>
      </c>
    </row>
    <row r="13" spans="1:10" ht="18" customHeight="1" x14ac:dyDescent="0.2">
      <c r="A13" s="24">
        <v>6</v>
      </c>
      <c r="B13" s="25">
        <v>1622</v>
      </c>
      <c r="C13" s="26">
        <v>1564</v>
      </c>
      <c r="D13" s="27">
        <v>3186</v>
      </c>
      <c r="E13" s="31">
        <v>30</v>
      </c>
      <c r="F13" s="26">
        <v>25</v>
      </c>
      <c r="G13" s="27">
        <v>55</v>
      </c>
      <c r="H13" s="31">
        <v>1652</v>
      </c>
      <c r="I13" s="26">
        <v>1589</v>
      </c>
      <c r="J13" s="27">
        <v>3241</v>
      </c>
    </row>
    <row r="14" spans="1:10" ht="18" customHeight="1" x14ac:dyDescent="0.2">
      <c r="A14" s="24">
        <v>7</v>
      </c>
      <c r="B14" s="25">
        <v>1644</v>
      </c>
      <c r="C14" s="26">
        <v>1518</v>
      </c>
      <c r="D14" s="27">
        <v>3162</v>
      </c>
      <c r="E14" s="31">
        <v>15</v>
      </c>
      <c r="F14" s="26">
        <v>19</v>
      </c>
      <c r="G14" s="27">
        <v>34</v>
      </c>
      <c r="H14" s="31">
        <v>1659</v>
      </c>
      <c r="I14" s="26">
        <v>1537</v>
      </c>
      <c r="J14" s="27">
        <v>3196</v>
      </c>
    </row>
    <row r="15" spans="1:10" ht="18" customHeight="1" x14ac:dyDescent="0.2">
      <c r="A15" s="24">
        <v>8</v>
      </c>
      <c r="B15" s="25">
        <v>1534</v>
      </c>
      <c r="C15" s="26">
        <v>1589</v>
      </c>
      <c r="D15" s="27">
        <v>3123</v>
      </c>
      <c r="E15" s="31">
        <v>28</v>
      </c>
      <c r="F15" s="26">
        <v>16</v>
      </c>
      <c r="G15" s="27">
        <v>44</v>
      </c>
      <c r="H15" s="31">
        <v>1562</v>
      </c>
      <c r="I15" s="26">
        <v>1605</v>
      </c>
      <c r="J15" s="27">
        <v>3167</v>
      </c>
    </row>
    <row r="16" spans="1:10" ht="18" customHeight="1" x14ac:dyDescent="0.2">
      <c r="A16" s="24">
        <v>9</v>
      </c>
      <c r="B16" s="25">
        <v>1671</v>
      </c>
      <c r="C16" s="26">
        <v>1569</v>
      </c>
      <c r="D16" s="27">
        <v>3240</v>
      </c>
      <c r="E16" s="31">
        <v>15</v>
      </c>
      <c r="F16" s="26">
        <v>21</v>
      </c>
      <c r="G16" s="27">
        <v>36</v>
      </c>
      <c r="H16" s="31">
        <v>1686</v>
      </c>
      <c r="I16" s="26">
        <v>1590</v>
      </c>
      <c r="J16" s="27">
        <v>3276</v>
      </c>
    </row>
    <row r="17" spans="1:10" ht="18" customHeight="1" x14ac:dyDescent="0.2">
      <c r="A17" s="24" t="s">
        <v>10</v>
      </c>
      <c r="B17" s="25">
        <v>8057</v>
      </c>
      <c r="C17" s="26">
        <v>7734</v>
      </c>
      <c r="D17" s="27">
        <v>15791</v>
      </c>
      <c r="E17" s="31">
        <v>103</v>
      </c>
      <c r="F17" s="26">
        <v>107</v>
      </c>
      <c r="G17" s="27">
        <v>210</v>
      </c>
      <c r="H17" s="31">
        <v>8160</v>
      </c>
      <c r="I17" s="26">
        <v>7841</v>
      </c>
      <c r="J17" s="27">
        <v>16001</v>
      </c>
    </row>
    <row r="18" spans="1:10" ht="18" customHeight="1" x14ac:dyDescent="0.2">
      <c r="A18" s="24">
        <v>10</v>
      </c>
      <c r="B18" s="25">
        <v>1690</v>
      </c>
      <c r="C18" s="26">
        <v>1623</v>
      </c>
      <c r="D18" s="27">
        <v>3313</v>
      </c>
      <c r="E18" s="31">
        <v>22</v>
      </c>
      <c r="F18" s="26">
        <v>12</v>
      </c>
      <c r="G18" s="27">
        <v>34</v>
      </c>
      <c r="H18" s="31">
        <v>1712</v>
      </c>
      <c r="I18" s="26">
        <v>1635</v>
      </c>
      <c r="J18" s="27">
        <v>3347</v>
      </c>
    </row>
    <row r="19" spans="1:10" ht="18" customHeight="1" x14ac:dyDescent="0.2">
      <c r="A19" s="24">
        <v>11</v>
      </c>
      <c r="B19" s="25">
        <v>1766</v>
      </c>
      <c r="C19" s="26">
        <v>1598</v>
      </c>
      <c r="D19" s="27">
        <v>3364</v>
      </c>
      <c r="E19" s="31">
        <v>14</v>
      </c>
      <c r="F19" s="26">
        <v>18</v>
      </c>
      <c r="G19" s="27">
        <v>32</v>
      </c>
      <c r="H19" s="31">
        <v>1780</v>
      </c>
      <c r="I19" s="26">
        <v>1616</v>
      </c>
      <c r="J19" s="27">
        <v>3396</v>
      </c>
    </row>
    <row r="20" spans="1:10" ht="18" customHeight="1" x14ac:dyDescent="0.2">
      <c r="A20" s="24">
        <v>12</v>
      </c>
      <c r="B20" s="25">
        <v>1775</v>
      </c>
      <c r="C20" s="26">
        <v>1673</v>
      </c>
      <c r="D20" s="27">
        <v>3448</v>
      </c>
      <c r="E20" s="31">
        <v>15</v>
      </c>
      <c r="F20" s="26">
        <v>21</v>
      </c>
      <c r="G20" s="27">
        <v>36</v>
      </c>
      <c r="H20" s="31">
        <v>1790</v>
      </c>
      <c r="I20" s="26">
        <v>1694</v>
      </c>
      <c r="J20" s="27">
        <v>3484</v>
      </c>
    </row>
    <row r="21" spans="1:10" ht="18" customHeight="1" x14ac:dyDescent="0.2">
      <c r="A21" s="24">
        <v>13</v>
      </c>
      <c r="B21" s="25">
        <v>1801</v>
      </c>
      <c r="C21" s="26">
        <v>1690</v>
      </c>
      <c r="D21" s="27">
        <v>3491</v>
      </c>
      <c r="E21" s="31">
        <v>13</v>
      </c>
      <c r="F21" s="26">
        <v>13</v>
      </c>
      <c r="G21" s="27">
        <v>26</v>
      </c>
      <c r="H21" s="31">
        <v>1814</v>
      </c>
      <c r="I21" s="26">
        <v>1703</v>
      </c>
      <c r="J21" s="27">
        <v>3517</v>
      </c>
    </row>
    <row r="22" spans="1:10" ht="18" customHeight="1" x14ac:dyDescent="0.2">
      <c r="A22" s="24">
        <v>14</v>
      </c>
      <c r="B22" s="25">
        <v>1834</v>
      </c>
      <c r="C22" s="26">
        <v>1752</v>
      </c>
      <c r="D22" s="27">
        <v>3586</v>
      </c>
      <c r="E22" s="31">
        <v>13</v>
      </c>
      <c r="F22" s="26">
        <v>16</v>
      </c>
      <c r="G22" s="27">
        <v>29</v>
      </c>
      <c r="H22" s="31">
        <v>1847</v>
      </c>
      <c r="I22" s="26">
        <v>1768</v>
      </c>
      <c r="J22" s="27">
        <v>3615</v>
      </c>
    </row>
    <row r="23" spans="1:10" ht="18" customHeight="1" x14ac:dyDescent="0.2">
      <c r="A23" s="24" t="s">
        <v>11</v>
      </c>
      <c r="B23" s="25">
        <v>8866</v>
      </c>
      <c r="C23" s="26">
        <v>8336</v>
      </c>
      <c r="D23" s="27">
        <v>17202</v>
      </c>
      <c r="E23" s="31">
        <v>77</v>
      </c>
      <c r="F23" s="26">
        <v>80</v>
      </c>
      <c r="G23" s="27">
        <v>157</v>
      </c>
      <c r="H23" s="31">
        <v>8943</v>
      </c>
      <c r="I23" s="26">
        <v>8416</v>
      </c>
      <c r="J23" s="27">
        <v>17359</v>
      </c>
    </row>
    <row r="24" spans="1:10" ht="18" customHeight="1" x14ac:dyDescent="0.2">
      <c r="A24" s="24" t="s">
        <v>12</v>
      </c>
      <c r="B24" s="25">
        <v>23972</v>
      </c>
      <c r="C24" s="26">
        <v>22862</v>
      </c>
      <c r="D24" s="27">
        <v>46834</v>
      </c>
      <c r="E24" s="31">
        <v>297</v>
      </c>
      <c r="F24" s="26">
        <v>280</v>
      </c>
      <c r="G24" s="27">
        <v>577</v>
      </c>
      <c r="H24" s="31">
        <v>24269</v>
      </c>
      <c r="I24" s="26">
        <v>23142</v>
      </c>
      <c r="J24" s="27">
        <v>47411</v>
      </c>
    </row>
    <row r="25" spans="1:10" ht="18" customHeight="1" x14ac:dyDescent="0.2">
      <c r="A25" s="24">
        <v>15</v>
      </c>
      <c r="B25" s="25">
        <v>1752</v>
      </c>
      <c r="C25" s="26">
        <v>1736</v>
      </c>
      <c r="D25" s="27">
        <v>3488</v>
      </c>
      <c r="E25" s="31">
        <v>17</v>
      </c>
      <c r="F25" s="26">
        <v>18</v>
      </c>
      <c r="G25" s="27">
        <v>35</v>
      </c>
      <c r="H25" s="31">
        <v>1769</v>
      </c>
      <c r="I25" s="26">
        <v>1754</v>
      </c>
      <c r="J25" s="27">
        <v>3523</v>
      </c>
    </row>
    <row r="26" spans="1:10" ht="18" customHeight="1" x14ac:dyDescent="0.2">
      <c r="A26" s="24">
        <v>16</v>
      </c>
      <c r="B26" s="25">
        <v>1869</v>
      </c>
      <c r="C26" s="26">
        <v>1765</v>
      </c>
      <c r="D26" s="27">
        <v>3634</v>
      </c>
      <c r="E26" s="31">
        <v>16</v>
      </c>
      <c r="F26" s="26">
        <v>8</v>
      </c>
      <c r="G26" s="27">
        <v>24</v>
      </c>
      <c r="H26" s="31">
        <v>1885</v>
      </c>
      <c r="I26" s="26">
        <v>1773</v>
      </c>
      <c r="J26" s="27">
        <v>3658</v>
      </c>
    </row>
    <row r="27" spans="1:10" ht="18" customHeight="1" x14ac:dyDescent="0.2">
      <c r="A27" s="24">
        <v>17</v>
      </c>
      <c r="B27" s="25">
        <v>1897</v>
      </c>
      <c r="C27" s="26">
        <v>1751</v>
      </c>
      <c r="D27" s="27">
        <v>3648</v>
      </c>
      <c r="E27" s="31">
        <v>16</v>
      </c>
      <c r="F27" s="26">
        <v>10</v>
      </c>
      <c r="G27" s="27">
        <v>26</v>
      </c>
      <c r="H27" s="31">
        <v>1913</v>
      </c>
      <c r="I27" s="26">
        <v>1761</v>
      </c>
      <c r="J27" s="27">
        <v>3674</v>
      </c>
    </row>
    <row r="28" spans="1:10" ht="18" customHeight="1" x14ac:dyDescent="0.2">
      <c r="A28" s="24">
        <v>18</v>
      </c>
      <c r="B28" s="25">
        <v>1928</v>
      </c>
      <c r="C28" s="26">
        <v>1851</v>
      </c>
      <c r="D28" s="27">
        <v>3779</v>
      </c>
      <c r="E28" s="31">
        <v>20</v>
      </c>
      <c r="F28" s="26">
        <v>13</v>
      </c>
      <c r="G28" s="27">
        <v>33</v>
      </c>
      <c r="H28" s="31">
        <v>1948</v>
      </c>
      <c r="I28" s="26">
        <v>1864</v>
      </c>
      <c r="J28" s="27">
        <v>3812</v>
      </c>
    </row>
    <row r="29" spans="1:10" ht="18" customHeight="1" x14ac:dyDescent="0.2">
      <c r="A29" s="24">
        <v>19</v>
      </c>
      <c r="B29" s="25">
        <v>1893</v>
      </c>
      <c r="C29" s="26">
        <v>1790</v>
      </c>
      <c r="D29" s="27">
        <v>3683</v>
      </c>
      <c r="E29" s="31">
        <v>43</v>
      </c>
      <c r="F29" s="26">
        <v>30</v>
      </c>
      <c r="G29" s="27">
        <v>73</v>
      </c>
      <c r="H29" s="31">
        <v>1936</v>
      </c>
      <c r="I29" s="26">
        <v>1820</v>
      </c>
      <c r="J29" s="27">
        <v>3756</v>
      </c>
    </row>
    <row r="30" spans="1:10" ht="18" customHeight="1" x14ac:dyDescent="0.2">
      <c r="A30" s="24" t="s">
        <v>13</v>
      </c>
      <c r="B30" s="25">
        <v>9339</v>
      </c>
      <c r="C30" s="26">
        <v>8893</v>
      </c>
      <c r="D30" s="27">
        <v>18232</v>
      </c>
      <c r="E30" s="31">
        <v>112</v>
      </c>
      <c r="F30" s="26">
        <v>79</v>
      </c>
      <c r="G30" s="27">
        <v>191</v>
      </c>
      <c r="H30" s="31">
        <v>9451</v>
      </c>
      <c r="I30" s="26">
        <v>8972</v>
      </c>
      <c r="J30" s="27">
        <v>18423</v>
      </c>
    </row>
    <row r="31" spans="1:10" ht="18" customHeight="1" x14ac:dyDescent="0.2">
      <c r="A31" s="24">
        <v>20</v>
      </c>
      <c r="B31" s="25">
        <v>2047</v>
      </c>
      <c r="C31" s="26">
        <v>1855</v>
      </c>
      <c r="D31" s="27">
        <v>3902</v>
      </c>
      <c r="E31" s="31">
        <v>78</v>
      </c>
      <c r="F31" s="26">
        <v>63</v>
      </c>
      <c r="G31" s="27">
        <v>141</v>
      </c>
      <c r="H31" s="31">
        <v>2125</v>
      </c>
      <c r="I31" s="26">
        <v>1918</v>
      </c>
      <c r="J31" s="27">
        <v>4043</v>
      </c>
    </row>
    <row r="32" spans="1:10" ht="18" customHeight="1" x14ac:dyDescent="0.2">
      <c r="A32" s="24">
        <v>21</v>
      </c>
      <c r="B32" s="25">
        <v>2023</v>
      </c>
      <c r="C32" s="26">
        <v>1797</v>
      </c>
      <c r="D32" s="27">
        <v>3820</v>
      </c>
      <c r="E32" s="31">
        <v>115</v>
      </c>
      <c r="F32" s="26">
        <v>115</v>
      </c>
      <c r="G32" s="27">
        <v>230</v>
      </c>
      <c r="H32" s="31">
        <v>2138</v>
      </c>
      <c r="I32" s="26">
        <v>1912</v>
      </c>
      <c r="J32" s="27">
        <v>4050</v>
      </c>
    </row>
    <row r="33" spans="1:10" ht="18" customHeight="1" x14ac:dyDescent="0.2">
      <c r="A33" s="24">
        <v>22</v>
      </c>
      <c r="B33" s="25">
        <v>2054</v>
      </c>
      <c r="C33" s="26">
        <v>1744</v>
      </c>
      <c r="D33" s="27">
        <v>3798</v>
      </c>
      <c r="E33" s="31">
        <v>137</v>
      </c>
      <c r="F33" s="26">
        <v>107</v>
      </c>
      <c r="G33" s="27">
        <v>244</v>
      </c>
      <c r="H33" s="31">
        <v>2191</v>
      </c>
      <c r="I33" s="26">
        <v>1851</v>
      </c>
      <c r="J33" s="27">
        <v>4042</v>
      </c>
    </row>
    <row r="34" spans="1:10" ht="18" customHeight="1" x14ac:dyDescent="0.2">
      <c r="A34" s="24">
        <v>23</v>
      </c>
      <c r="B34" s="25">
        <v>2020</v>
      </c>
      <c r="C34" s="26">
        <v>1748</v>
      </c>
      <c r="D34" s="27">
        <v>3768</v>
      </c>
      <c r="E34" s="31">
        <v>144</v>
      </c>
      <c r="F34" s="26">
        <v>101</v>
      </c>
      <c r="G34" s="27">
        <v>245</v>
      </c>
      <c r="H34" s="31">
        <v>2164</v>
      </c>
      <c r="I34" s="26">
        <v>1849</v>
      </c>
      <c r="J34" s="27">
        <v>4013</v>
      </c>
    </row>
    <row r="35" spans="1:10" ht="18" customHeight="1" x14ac:dyDescent="0.2">
      <c r="A35" s="24">
        <v>24</v>
      </c>
      <c r="B35" s="25">
        <v>2083</v>
      </c>
      <c r="C35" s="26">
        <v>1704</v>
      </c>
      <c r="D35" s="27">
        <v>3787</v>
      </c>
      <c r="E35" s="31">
        <v>181</v>
      </c>
      <c r="F35" s="26">
        <v>95</v>
      </c>
      <c r="G35" s="27">
        <v>276</v>
      </c>
      <c r="H35" s="31">
        <v>2264</v>
      </c>
      <c r="I35" s="26">
        <v>1799</v>
      </c>
      <c r="J35" s="27">
        <v>4063</v>
      </c>
    </row>
    <row r="36" spans="1:10" ht="18" customHeight="1" x14ac:dyDescent="0.2">
      <c r="A36" s="24" t="s">
        <v>14</v>
      </c>
      <c r="B36" s="25">
        <v>10227</v>
      </c>
      <c r="C36" s="26">
        <v>8848</v>
      </c>
      <c r="D36" s="27">
        <v>19075</v>
      </c>
      <c r="E36" s="31">
        <v>655</v>
      </c>
      <c r="F36" s="26">
        <v>481</v>
      </c>
      <c r="G36" s="27">
        <v>1136</v>
      </c>
      <c r="H36" s="31">
        <v>10882</v>
      </c>
      <c r="I36" s="26">
        <v>9329</v>
      </c>
      <c r="J36" s="27">
        <v>20211</v>
      </c>
    </row>
    <row r="37" spans="1:10" ht="18" customHeight="1" x14ac:dyDescent="0.2">
      <c r="A37" s="24">
        <v>25</v>
      </c>
      <c r="B37" s="25">
        <v>1912</v>
      </c>
      <c r="C37" s="26">
        <v>1756</v>
      </c>
      <c r="D37" s="27">
        <v>3668</v>
      </c>
      <c r="E37" s="31">
        <v>200</v>
      </c>
      <c r="F37" s="26">
        <v>105</v>
      </c>
      <c r="G37" s="27">
        <v>305</v>
      </c>
      <c r="H37" s="31">
        <v>2112</v>
      </c>
      <c r="I37" s="26">
        <v>1861</v>
      </c>
      <c r="J37" s="27">
        <v>3973</v>
      </c>
    </row>
    <row r="38" spans="1:10" ht="18" customHeight="1" x14ac:dyDescent="0.2">
      <c r="A38" s="24">
        <v>26</v>
      </c>
      <c r="B38" s="25">
        <v>2084</v>
      </c>
      <c r="C38" s="26">
        <v>1774</v>
      </c>
      <c r="D38" s="27">
        <v>3858</v>
      </c>
      <c r="E38" s="31">
        <v>196</v>
      </c>
      <c r="F38" s="26">
        <v>101</v>
      </c>
      <c r="G38" s="27">
        <v>297</v>
      </c>
      <c r="H38" s="31">
        <v>2280</v>
      </c>
      <c r="I38" s="26">
        <v>1875</v>
      </c>
      <c r="J38" s="27">
        <v>4155</v>
      </c>
    </row>
    <row r="39" spans="1:10" ht="18" customHeight="1" x14ac:dyDescent="0.2">
      <c r="A39" s="24">
        <v>27</v>
      </c>
      <c r="B39" s="25">
        <v>2013</v>
      </c>
      <c r="C39" s="26">
        <v>1762</v>
      </c>
      <c r="D39" s="27">
        <v>3775</v>
      </c>
      <c r="E39" s="31">
        <v>168</v>
      </c>
      <c r="F39" s="26">
        <v>103</v>
      </c>
      <c r="G39" s="27">
        <v>271</v>
      </c>
      <c r="H39" s="31">
        <v>2181</v>
      </c>
      <c r="I39" s="26">
        <v>1865</v>
      </c>
      <c r="J39" s="27">
        <v>4046</v>
      </c>
    </row>
    <row r="40" spans="1:10" ht="18" customHeight="1" x14ac:dyDescent="0.2">
      <c r="A40" s="24">
        <v>28</v>
      </c>
      <c r="B40" s="25">
        <v>1979</v>
      </c>
      <c r="C40" s="26">
        <v>1739</v>
      </c>
      <c r="D40" s="27">
        <v>3718</v>
      </c>
      <c r="E40" s="31">
        <v>152</v>
      </c>
      <c r="F40" s="26">
        <v>95</v>
      </c>
      <c r="G40" s="27">
        <v>247</v>
      </c>
      <c r="H40" s="31">
        <v>2131</v>
      </c>
      <c r="I40" s="26">
        <v>1834</v>
      </c>
      <c r="J40" s="27">
        <v>3965</v>
      </c>
    </row>
    <row r="41" spans="1:10" ht="18" customHeight="1" x14ac:dyDescent="0.2">
      <c r="A41" s="24">
        <v>29</v>
      </c>
      <c r="B41" s="25">
        <v>1933</v>
      </c>
      <c r="C41" s="26">
        <v>1761</v>
      </c>
      <c r="D41" s="27">
        <v>3694</v>
      </c>
      <c r="E41" s="31">
        <v>148</v>
      </c>
      <c r="F41" s="26">
        <v>101</v>
      </c>
      <c r="G41" s="27">
        <v>249</v>
      </c>
      <c r="H41" s="31">
        <v>2081</v>
      </c>
      <c r="I41" s="26">
        <v>1862</v>
      </c>
      <c r="J41" s="27">
        <v>3943</v>
      </c>
    </row>
    <row r="42" spans="1:10" ht="18" customHeight="1" x14ac:dyDescent="0.2">
      <c r="A42" s="24" t="s">
        <v>15</v>
      </c>
      <c r="B42" s="25">
        <v>9921</v>
      </c>
      <c r="C42" s="26">
        <v>8792</v>
      </c>
      <c r="D42" s="27">
        <v>18713</v>
      </c>
      <c r="E42" s="31">
        <v>864</v>
      </c>
      <c r="F42" s="26">
        <v>505</v>
      </c>
      <c r="G42" s="27">
        <v>1369</v>
      </c>
      <c r="H42" s="31">
        <v>10785</v>
      </c>
      <c r="I42" s="26">
        <v>9297</v>
      </c>
      <c r="J42" s="27">
        <v>20082</v>
      </c>
    </row>
    <row r="43" spans="1:10" ht="18" customHeight="1" x14ac:dyDescent="0.2">
      <c r="A43" s="24">
        <v>30</v>
      </c>
      <c r="B43" s="25">
        <v>1845</v>
      </c>
      <c r="C43" s="26">
        <v>1706</v>
      </c>
      <c r="D43" s="27">
        <v>3551</v>
      </c>
      <c r="E43" s="31">
        <v>119</v>
      </c>
      <c r="F43" s="26">
        <v>86</v>
      </c>
      <c r="G43" s="27">
        <v>205</v>
      </c>
      <c r="H43" s="31">
        <v>1964</v>
      </c>
      <c r="I43" s="26">
        <v>1792</v>
      </c>
      <c r="J43" s="27">
        <v>3756</v>
      </c>
    </row>
    <row r="44" spans="1:10" ht="18" customHeight="1" x14ac:dyDescent="0.2">
      <c r="A44" s="24">
        <v>31</v>
      </c>
      <c r="B44" s="25">
        <v>1926</v>
      </c>
      <c r="C44" s="26">
        <v>1737</v>
      </c>
      <c r="D44" s="27">
        <v>3663</v>
      </c>
      <c r="E44" s="31">
        <v>114</v>
      </c>
      <c r="F44" s="26">
        <v>78</v>
      </c>
      <c r="G44" s="27">
        <v>192</v>
      </c>
      <c r="H44" s="31">
        <v>2040</v>
      </c>
      <c r="I44" s="26">
        <v>1815</v>
      </c>
      <c r="J44" s="27">
        <v>3855</v>
      </c>
    </row>
    <row r="45" spans="1:10" ht="18" customHeight="1" x14ac:dyDescent="0.2">
      <c r="A45" s="24">
        <v>32</v>
      </c>
      <c r="B45" s="25">
        <v>2043</v>
      </c>
      <c r="C45" s="26">
        <v>1758</v>
      </c>
      <c r="D45" s="27">
        <v>3801</v>
      </c>
      <c r="E45" s="31">
        <v>128</v>
      </c>
      <c r="F45" s="26">
        <v>84</v>
      </c>
      <c r="G45" s="27">
        <v>212</v>
      </c>
      <c r="H45" s="31">
        <v>2171</v>
      </c>
      <c r="I45" s="26">
        <v>1842</v>
      </c>
      <c r="J45" s="27">
        <v>4013</v>
      </c>
    </row>
    <row r="46" spans="1:10" ht="18" customHeight="1" x14ac:dyDescent="0.2">
      <c r="A46" s="24">
        <v>33</v>
      </c>
      <c r="B46" s="25">
        <v>2056</v>
      </c>
      <c r="C46" s="26">
        <v>1853</v>
      </c>
      <c r="D46" s="27">
        <v>3909</v>
      </c>
      <c r="E46" s="31">
        <v>105</v>
      </c>
      <c r="F46" s="26">
        <v>74</v>
      </c>
      <c r="G46" s="27">
        <v>179</v>
      </c>
      <c r="H46" s="31">
        <v>2161</v>
      </c>
      <c r="I46" s="26">
        <v>1927</v>
      </c>
      <c r="J46" s="27">
        <v>4088</v>
      </c>
    </row>
    <row r="47" spans="1:10" ht="18" customHeight="1" x14ac:dyDescent="0.2">
      <c r="A47" s="24">
        <v>34</v>
      </c>
      <c r="B47" s="25">
        <v>2061</v>
      </c>
      <c r="C47" s="26">
        <v>1891</v>
      </c>
      <c r="D47" s="27">
        <v>3952</v>
      </c>
      <c r="E47" s="31">
        <v>88</v>
      </c>
      <c r="F47" s="26">
        <v>68</v>
      </c>
      <c r="G47" s="27">
        <v>156</v>
      </c>
      <c r="H47" s="31">
        <v>2149</v>
      </c>
      <c r="I47" s="26">
        <v>1959</v>
      </c>
      <c r="J47" s="27">
        <v>4108</v>
      </c>
    </row>
    <row r="48" spans="1:10" ht="18" customHeight="1" x14ac:dyDescent="0.2">
      <c r="A48" s="24" t="s">
        <v>16</v>
      </c>
      <c r="B48" s="25">
        <v>9931</v>
      </c>
      <c r="C48" s="26">
        <v>8945</v>
      </c>
      <c r="D48" s="27">
        <v>18876</v>
      </c>
      <c r="E48" s="31">
        <v>554</v>
      </c>
      <c r="F48" s="26">
        <v>390</v>
      </c>
      <c r="G48" s="27">
        <v>944</v>
      </c>
      <c r="H48" s="31">
        <v>10485</v>
      </c>
      <c r="I48" s="26">
        <v>9335</v>
      </c>
      <c r="J48" s="27">
        <v>19820</v>
      </c>
    </row>
    <row r="49" spans="1:10" ht="18" customHeight="1" x14ac:dyDescent="0.2">
      <c r="A49" s="24">
        <v>35</v>
      </c>
      <c r="B49" s="25">
        <v>2108</v>
      </c>
      <c r="C49" s="26">
        <v>2012</v>
      </c>
      <c r="D49" s="27">
        <v>4120</v>
      </c>
      <c r="E49" s="31">
        <v>94</v>
      </c>
      <c r="F49" s="26">
        <v>77</v>
      </c>
      <c r="G49" s="27">
        <v>171</v>
      </c>
      <c r="H49" s="31">
        <v>2202</v>
      </c>
      <c r="I49" s="26">
        <v>2089</v>
      </c>
      <c r="J49" s="27">
        <v>4291</v>
      </c>
    </row>
    <row r="50" spans="1:10" ht="18" customHeight="1" x14ac:dyDescent="0.2">
      <c r="A50" s="24">
        <v>36</v>
      </c>
      <c r="B50" s="25">
        <v>2184</v>
      </c>
      <c r="C50" s="26">
        <v>2083</v>
      </c>
      <c r="D50" s="27">
        <v>4267</v>
      </c>
      <c r="E50" s="31">
        <v>72</v>
      </c>
      <c r="F50" s="26">
        <v>87</v>
      </c>
      <c r="G50" s="27">
        <v>159</v>
      </c>
      <c r="H50" s="31">
        <v>2256</v>
      </c>
      <c r="I50" s="26">
        <v>2170</v>
      </c>
      <c r="J50" s="27">
        <v>4426</v>
      </c>
    </row>
    <row r="51" spans="1:10" ht="18" customHeight="1" x14ac:dyDescent="0.2">
      <c r="A51" s="24">
        <v>37</v>
      </c>
      <c r="B51" s="25">
        <v>2337</v>
      </c>
      <c r="C51" s="26">
        <v>2170</v>
      </c>
      <c r="D51" s="27">
        <v>4507</v>
      </c>
      <c r="E51" s="31">
        <v>73</v>
      </c>
      <c r="F51" s="26">
        <v>77</v>
      </c>
      <c r="G51" s="27">
        <v>150</v>
      </c>
      <c r="H51" s="31">
        <v>2410</v>
      </c>
      <c r="I51" s="26">
        <v>2247</v>
      </c>
      <c r="J51" s="27">
        <v>4657</v>
      </c>
    </row>
    <row r="52" spans="1:10" ht="18" customHeight="1" x14ac:dyDescent="0.2">
      <c r="A52" s="24">
        <v>38</v>
      </c>
      <c r="B52" s="25">
        <v>2391</v>
      </c>
      <c r="C52" s="26">
        <v>2140</v>
      </c>
      <c r="D52" s="27">
        <v>4531</v>
      </c>
      <c r="E52" s="31">
        <v>68</v>
      </c>
      <c r="F52" s="26">
        <v>80</v>
      </c>
      <c r="G52" s="27">
        <v>148</v>
      </c>
      <c r="H52" s="31">
        <v>2459</v>
      </c>
      <c r="I52" s="26">
        <v>2220</v>
      </c>
      <c r="J52" s="27">
        <v>4679</v>
      </c>
    </row>
    <row r="53" spans="1:10" ht="18" customHeight="1" x14ac:dyDescent="0.2">
      <c r="A53" s="24">
        <v>39</v>
      </c>
      <c r="B53" s="25">
        <v>2373</v>
      </c>
      <c r="C53" s="26">
        <v>2114</v>
      </c>
      <c r="D53" s="27">
        <v>4487</v>
      </c>
      <c r="E53" s="31">
        <v>64</v>
      </c>
      <c r="F53" s="26">
        <v>74</v>
      </c>
      <c r="G53" s="27">
        <v>138</v>
      </c>
      <c r="H53" s="31">
        <v>2437</v>
      </c>
      <c r="I53" s="26">
        <v>2188</v>
      </c>
      <c r="J53" s="27">
        <v>4625</v>
      </c>
    </row>
    <row r="54" spans="1:10" ht="18" customHeight="1" x14ac:dyDescent="0.2">
      <c r="A54" s="24" t="s">
        <v>17</v>
      </c>
      <c r="B54" s="25">
        <v>11393</v>
      </c>
      <c r="C54" s="26">
        <v>10519</v>
      </c>
      <c r="D54" s="27">
        <v>21912</v>
      </c>
      <c r="E54" s="31">
        <v>371</v>
      </c>
      <c r="F54" s="26">
        <v>395</v>
      </c>
      <c r="G54" s="27">
        <v>766</v>
      </c>
      <c r="H54" s="31">
        <v>11764</v>
      </c>
      <c r="I54" s="26">
        <v>10914</v>
      </c>
      <c r="J54" s="27">
        <v>22678</v>
      </c>
    </row>
    <row r="55" spans="1:10" ht="18" customHeight="1" x14ac:dyDescent="0.2">
      <c r="A55" s="24">
        <v>40</v>
      </c>
      <c r="B55" s="25">
        <v>2439</v>
      </c>
      <c r="C55" s="26">
        <v>2240</v>
      </c>
      <c r="D55" s="27">
        <v>4679</v>
      </c>
      <c r="E55" s="31">
        <v>49</v>
      </c>
      <c r="F55" s="26">
        <v>90</v>
      </c>
      <c r="G55" s="27">
        <v>139</v>
      </c>
      <c r="H55" s="31">
        <v>2488</v>
      </c>
      <c r="I55" s="26">
        <v>2330</v>
      </c>
      <c r="J55" s="27">
        <v>4818</v>
      </c>
    </row>
    <row r="56" spans="1:10" ht="18" customHeight="1" x14ac:dyDescent="0.2">
      <c r="A56" s="24">
        <v>41</v>
      </c>
      <c r="B56" s="25">
        <v>2342</v>
      </c>
      <c r="C56" s="26">
        <v>2251</v>
      </c>
      <c r="D56" s="27">
        <v>4593</v>
      </c>
      <c r="E56" s="31">
        <v>61</v>
      </c>
      <c r="F56" s="26">
        <v>82</v>
      </c>
      <c r="G56" s="27">
        <v>143</v>
      </c>
      <c r="H56" s="31">
        <v>2403</v>
      </c>
      <c r="I56" s="26">
        <v>2333</v>
      </c>
      <c r="J56" s="27">
        <v>4736</v>
      </c>
    </row>
    <row r="57" spans="1:10" ht="18" customHeight="1" x14ac:dyDescent="0.2">
      <c r="A57" s="24">
        <v>42</v>
      </c>
      <c r="B57" s="25">
        <v>2562</v>
      </c>
      <c r="C57" s="26">
        <v>2368</v>
      </c>
      <c r="D57" s="27">
        <v>4930</v>
      </c>
      <c r="E57" s="31">
        <v>46</v>
      </c>
      <c r="F57" s="26">
        <v>68</v>
      </c>
      <c r="G57" s="27">
        <v>114</v>
      </c>
      <c r="H57" s="31">
        <v>2608</v>
      </c>
      <c r="I57" s="26">
        <v>2436</v>
      </c>
      <c r="J57" s="27">
        <v>5044</v>
      </c>
    </row>
    <row r="58" spans="1:10" ht="18" customHeight="1" x14ac:dyDescent="0.2">
      <c r="A58" s="24">
        <v>43</v>
      </c>
      <c r="B58" s="25">
        <v>2615</v>
      </c>
      <c r="C58" s="26">
        <v>2522</v>
      </c>
      <c r="D58" s="27">
        <v>5137</v>
      </c>
      <c r="E58" s="31">
        <v>38</v>
      </c>
      <c r="F58" s="26">
        <v>72</v>
      </c>
      <c r="G58" s="27">
        <v>110</v>
      </c>
      <c r="H58" s="31">
        <v>2653</v>
      </c>
      <c r="I58" s="26">
        <v>2594</v>
      </c>
      <c r="J58" s="27">
        <v>5247</v>
      </c>
    </row>
    <row r="59" spans="1:10" ht="18" customHeight="1" x14ac:dyDescent="0.2">
      <c r="A59" s="24">
        <v>44</v>
      </c>
      <c r="B59" s="25">
        <v>3006</v>
      </c>
      <c r="C59" s="26">
        <v>2609</v>
      </c>
      <c r="D59" s="27">
        <v>5615</v>
      </c>
      <c r="E59" s="31">
        <v>31</v>
      </c>
      <c r="F59" s="26">
        <v>76</v>
      </c>
      <c r="G59" s="27">
        <v>107</v>
      </c>
      <c r="H59" s="31">
        <v>3037</v>
      </c>
      <c r="I59" s="26">
        <v>2685</v>
      </c>
      <c r="J59" s="27">
        <v>5722</v>
      </c>
    </row>
    <row r="60" spans="1:10" ht="18" customHeight="1" x14ac:dyDescent="0.2">
      <c r="A60" s="24" t="s">
        <v>18</v>
      </c>
      <c r="B60" s="25">
        <v>12964</v>
      </c>
      <c r="C60" s="26">
        <v>11990</v>
      </c>
      <c r="D60" s="27">
        <v>24954</v>
      </c>
      <c r="E60" s="31">
        <v>225</v>
      </c>
      <c r="F60" s="26">
        <v>388</v>
      </c>
      <c r="G60" s="27">
        <v>613</v>
      </c>
      <c r="H60" s="31">
        <v>13189</v>
      </c>
      <c r="I60" s="26">
        <v>12378</v>
      </c>
      <c r="J60" s="27">
        <v>25567</v>
      </c>
    </row>
    <row r="61" spans="1:10" ht="18" customHeight="1" x14ac:dyDescent="0.2">
      <c r="A61" s="24">
        <v>45</v>
      </c>
      <c r="B61" s="25">
        <v>2900</v>
      </c>
      <c r="C61" s="26">
        <v>2723</v>
      </c>
      <c r="D61" s="27">
        <v>5623</v>
      </c>
      <c r="E61" s="31">
        <v>40</v>
      </c>
      <c r="F61" s="26">
        <v>64</v>
      </c>
      <c r="G61" s="27">
        <v>104</v>
      </c>
      <c r="H61" s="31">
        <v>2940</v>
      </c>
      <c r="I61" s="26">
        <v>2787</v>
      </c>
      <c r="J61" s="27">
        <v>5727</v>
      </c>
    </row>
    <row r="62" spans="1:10" ht="18" customHeight="1" x14ac:dyDescent="0.2">
      <c r="A62" s="24">
        <v>46</v>
      </c>
      <c r="B62" s="25">
        <v>3127</v>
      </c>
      <c r="C62" s="26">
        <v>2848</v>
      </c>
      <c r="D62" s="27">
        <v>5975</v>
      </c>
      <c r="E62" s="31">
        <v>23</v>
      </c>
      <c r="F62" s="26">
        <v>75</v>
      </c>
      <c r="G62" s="27">
        <v>98</v>
      </c>
      <c r="H62" s="31">
        <v>3150</v>
      </c>
      <c r="I62" s="26">
        <v>2923</v>
      </c>
      <c r="J62" s="27">
        <v>6073</v>
      </c>
    </row>
    <row r="63" spans="1:10" ht="18" customHeight="1" x14ac:dyDescent="0.2">
      <c r="A63" s="24">
        <v>47</v>
      </c>
      <c r="B63" s="25">
        <v>3336</v>
      </c>
      <c r="C63" s="26">
        <v>3243</v>
      </c>
      <c r="D63" s="27">
        <v>6579</v>
      </c>
      <c r="E63" s="31">
        <v>27</v>
      </c>
      <c r="F63" s="26">
        <v>66</v>
      </c>
      <c r="G63" s="27">
        <v>93</v>
      </c>
      <c r="H63" s="31">
        <v>3363</v>
      </c>
      <c r="I63" s="26">
        <v>3309</v>
      </c>
      <c r="J63" s="27">
        <v>6672</v>
      </c>
    </row>
    <row r="64" spans="1:10" ht="18" customHeight="1" x14ac:dyDescent="0.2">
      <c r="A64" s="24">
        <v>48</v>
      </c>
      <c r="B64" s="25">
        <v>3473</v>
      </c>
      <c r="C64" s="26">
        <v>3293</v>
      </c>
      <c r="D64" s="27">
        <v>6766</v>
      </c>
      <c r="E64" s="31">
        <v>35</v>
      </c>
      <c r="F64" s="26">
        <v>66</v>
      </c>
      <c r="G64" s="27">
        <v>101</v>
      </c>
      <c r="H64" s="31">
        <v>3508</v>
      </c>
      <c r="I64" s="26">
        <v>3359</v>
      </c>
      <c r="J64" s="27">
        <v>6867</v>
      </c>
    </row>
    <row r="65" spans="1:10" ht="18" customHeight="1" x14ac:dyDescent="0.2">
      <c r="A65" s="24">
        <v>49</v>
      </c>
      <c r="B65" s="25">
        <v>3538</v>
      </c>
      <c r="C65" s="26">
        <v>3371</v>
      </c>
      <c r="D65" s="27">
        <v>6909</v>
      </c>
      <c r="E65" s="31">
        <v>29</v>
      </c>
      <c r="F65" s="26">
        <v>67</v>
      </c>
      <c r="G65" s="27">
        <v>96</v>
      </c>
      <c r="H65" s="31">
        <v>3567</v>
      </c>
      <c r="I65" s="26">
        <v>3438</v>
      </c>
      <c r="J65" s="27">
        <v>7005</v>
      </c>
    </row>
    <row r="66" spans="1:10" ht="18" customHeight="1" x14ac:dyDescent="0.2">
      <c r="A66" s="24" t="s">
        <v>19</v>
      </c>
      <c r="B66" s="25">
        <v>16374</v>
      </c>
      <c r="C66" s="26">
        <v>15478</v>
      </c>
      <c r="D66" s="27">
        <v>31852</v>
      </c>
      <c r="E66" s="31">
        <v>154</v>
      </c>
      <c r="F66" s="26">
        <v>338</v>
      </c>
      <c r="G66" s="27">
        <v>492</v>
      </c>
      <c r="H66" s="31">
        <v>16528</v>
      </c>
      <c r="I66" s="26">
        <v>15816</v>
      </c>
      <c r="J66" s="27">
        <v>32344</v>
      </c>
    </row>
    <row r="67" spans="1:10" ht="18" customHeight="1" x14ac:dyDescent="0.2">
      <c r="A67" s="24">
        <v>50</v>
      </c>
      <c r="B67" s="25">
        <v>3459</v>
      </c>
      <c r="C67" s="26">
        <v>3239</v>
      </c>
      <c r="D67" s="27">
        <v>6698</v>
      </c>
      <c r="E67" s="31">
        <v>30</v>
      </c>
      <c r="F67" s="26">
        <v>68</v>
      </c>
      <c r="G67" s="27">
        <v>98</v>
      </c>
      <c r="H67" s="31">
        <v>3489</v>
      </c>
      <c r="I67" s="26">
        <v>3307</v>
      </c>
      <c r="J67" s="27">
        <v>6796</v>
      </c>
    </row>
    <row r="68" spans="1:10" ht="18" customHeight="1" x14ac:dyDescent="0.2">
      <c r="A68" s="24">
        <v>51</v>
      </c>
      <c r="B68" s="25">
        <v>3247</v>
      </c>
      <c r="C68" s="26">
        <v>3155</v>
      </c>
      <c r="D68" s="27">
        <v>6402</v>
      </c>
      <c r="E68" s="31">
        <v>28</v>
      </c>
      <c r="F68" s="26">
        <v>76</v>
      </c>
      <c r="G68" s="27">
        <v>104</v>
      </c>
      <c r="H68" s="31">
        <v>3275</v>
      </c>
      <c r="I68" s="26">
        <v>3231</v>
      </c>
      <c r="J68" s="27">
        <v>6506</v>
      </c>
    </row>
    <row r="69" spans="1:10" ht="18" customHeight="1" x14ac:dyDescent="0.2">
      <c r="A69" s="24">
        <v>52</v>
      </c>
      <c r="B69" s="25">
        <v>3132</v>
      </c>
      <c r="C69" s="26">
        <v>2846</v>
      </c>
      <c r="D69" s="27">
        <v>5978</v>
      </c>
      <c r="E69" s="31">
        <v>24</v>
      </c>
      <c r="F69" s="26">
        <v>65</v>
      </c>
      <c r="G69" s="27">
        <v>89</v>
      </c>
      <c r="H69" s="31">
        <v>3156</v>
      </c>
      <c r="I69" s="26">
        <v>2911</v>
      </c>
      <c r="J69" s="27">
        <v>6067</v>
      </c>
    </row>
    <row r="70" spans="1:10" ht="18" customHeight="1" x14ac:dyDescent="0.2">
      <c r="A70" s="24">
        <v>53</v>
      </c>
      <c r="B70" s="25">
        <v>3120</v>
      </c>
      <c r="C70" s="26">
        <v>2845</v>
      </c>
      <c r="D70" s="27">
        <v>5965</v>
      </c>
      <c r="E70" s="31">
        <v>31</v>
      </c>
      <c r="F70" s="26">
        <v>86</v>
      </c>
      <c r="G70" s="27">
        <v>117</v>
      </c>
      <c r="H70" s="31">
        <v>3151</v>
      </c>
      <c r="I70" s="26">
        <v>2931</v>
      </c>
      <c r="J70" s="27">
        <v>6082</v>
      </c>
    </row>
    <row r="71" spans="1:10" ht="18" customHeight="1" x14ac:dyDescent="0.2">
      <c r="A71" s="24">
        <v>54</v>
      </c>
      <c r="B71" s="25">
        <v>2829</v>
      </c>
      <c r="C71" s="26">
        <v>2828</v>
      </c>
      <c r="D71" s="27">
        <v>5657</v>
      </c>
      <c r="E71" s="31">
        <v>35</v>
      </c>
      <c r="F71" s="26">
        <v>54</v>
      </c>
      <c r="G71" s="27">
        <v>89</v>
      </c>
      <c r="H71" s="31">
        <v>2864</v>
      </c>
      <c r="I71" s="26">
        <v>2882</v>
      </c>
      <c r="J71" s="27">
        <v>5746</v>
      </c>
    </row>
    <row r="72" spans="1:10" ht="18" customHeight="1" x14ac:dyDescent="0.2">
      <c r="A72" s="24" t="s">
        <v>20</v>
      </c>
      <c r="B72" s="25">
        <v>15787</v>
      </c>
      <c r="C72" s="26">
        <v>14913</v>
      </c>
      <c r="D72" s="27">
        <v>30700</v>
      </c>
      <c r="E72" s="31">
        <v>148</v>
      </c>
      <c r="F72" s="26">
        <v>349</v>
      </c>
      <c r="G72" s="27">
        <v>497</v>
      </c>
      <c r="H72" s="31">
        <v>15935</v>
      </c>
      <c r="I72" s="26">
        <v>15262</v>
      </c>
      <c r="J72" s="27">
        <v>31197</v>
      </c>
    </row>
    <row r="73" spans="1:10" ht="18" customHeight="1" x14ac:dyDescent="0.2">
      <c r="A73" s="24">
        <v>55</v>
      </c>
      <c r="B73" s="25">
        <v>2790</v>
      </c>
      <c r="C73" s="26">
        <v>2703</v>
      </c>
      <c r="D73" s="27">
        <v>5493</v>
      </c>
      <c r="E73" s="31">
        <v>21</v>
      </c>
      <c r="F73" s="26">
        <v>62</v>
      </c>
      <c r="G73" s="27">
        <v>83</v>
      </c>
      <c r="H73" s="31">
        <v>2811</v>
      </c>
      <c r="I73" s="26">
        <v>2765</v>
      </c>
      <c r="J73" s="27">
        <v>5576</v>
      </c>
    </row>
    <row r="74" spans="1:10" ht="18" customHeight="1" x14ac:dyDescent="0.2">
      <c r="A74" s="24">
        <v>56</v>
      </c>
      <c r="B74" s="25">
        <v>2169</v>
      </c>
      <c r="C74" s="26">
        <v>2220</v>
      </c>
      <c r="D74" s="27">
        <v>4389</v>
      </c>
      <c r="E74" s="31">
        <v>17</v>
      </c>
      <c r="F74" s="26">
        <v>45</v>
      </c>
      <c r="G74" s="27">
        <v>62</v>
      </c>
      <c r="H74" s="31">
        <v>2186</v>
      </c>
      <c r="I74" s="26">
        <v>2265</v>
      </c>
      <c r="J74" s="27">
        <v>4451</v>
      </c>
    </row>
    <row r="75" spans="1:10" ht="18" customHeight="1" x14ac:dyDescent="0.2">
      <c r="A75" s="24">
        <v>57</v>
      </c>
      <c r="B75" s="25">
        <v>2603</v>
      </c>
      <c r="C75" s="26">
        <v>2624</v>
      </c>
      <c r="D75" s="27">
        <v>5227</v>
      </c>
      <c r="E75" s="31">
        <v>21</v>
      </c>
      <c r="F75" s="26">
        <v>39</v>
      </c>
      <c r="G75" s="27">
        <v>60</v>
      </c>
      <c r="H75" s="31">
        <v>2624</v>
      </c>
      <c r="I75" s="26">
        <v>2663</v>
      </c>
      <c r="J75" s="27">
        <v>5287</v>
      </c>
    </row>
    <row r="76" spans="1:10" ht="18" customHeight="1" x14ac:dyDescent="0.2">
      <c r="A76" s="24">
        <v>58</v>
      </c>
      <c r="B76" s="25">
        <v>2524</v>
      </c>
      <c r="C76" s="26">
        <v>2456</v>
      </c>
      <c r="D76" s="27">
        <v>4980</v>
      </c>
      <c r="E76" s="31">
        <v>25</v>
      </c>
      <c r="F76" s="26">
        <v>47</v>
      </c>
      <c r="G76" s="27">
        <v>72</v>
      </c>
      <c r="H76" s="31">
        <v>2549</v>
      </c>
      <c r="I76" s="26">
        <v>2503</v>
      </c>
      <c r="J76" s="27">
        <v>5052</v>
      </c>
    </row>
    <row r="77" spans="1:10" ht="18" customHeight="1" x14ac:dyDescent="0.2">
      <c r="A77" s="24">
        <v>59</v>
      </c>
      <c r="B77" s="25">
        <v>2528</v>
      </c>
      <c r="C77" s="26">
        <v>2502</v>
      </c>
      <c r="D77" s="27">
        <v>5030</v>
      </c>
      <c r="E77" s="31">
        <v>17</v>
      </c>
      <c r="F77" s="26">
        <v>38</v>
      </c>
      <c r="G77" s="27">
        <v>55</v>
      </c>
      <c r="H77" s="31">
        <v>2545</v>
      </c>
      <c r="I77" s="26">
        <v>2540</v>
      </c>
      <c r="J77" s="27">
        <v>5085</v>
      </c>
    </row>
    <row r="78" spans="1:10" ht="18" customHeight="1" x14ac:dyDescent="0.2">
      <c r="A78" s="24" t="s">
        <v>21</v>
      </c>
      <c r="B78" s="25">
        <v>12614</v>
      </c>
      <c r="C78" s="26">
        <v>12505</v>
      </c>
      <c r="D78" s="27">
        <v>25119</v>
      </c>
      <c r="E78" s="31">
        <v>101</v>
      </c>
      <c r="F78" s="26">
        <v>231</v>
      </c>
      <c r="G78" s="27">
        <v>332</v>
      </c>
      <c r="H78" s="31">
        <v>12715</v>
      </c>
      <c r="I78" s="26">
        <v>12736</v>
      </c>
      <c r="J78" s="27">
        <v>25451</v>
      </c>
    </row>
    <row r="79" spans="1:10" ht="18" customHeight="1" x14ac:dyDescent="0.2">
      <c r="A79" s="24">
        <v>60</v>
      </c>
      <c r="B79" s="25">
        <v>2233</v>
      </c>
      <c r="C79" s="26">
        <v>2259</v>
      </c>
      <c r="D79" s="27">
        <v>4492</v>
      </c>
      <c r="E79" s="31">
        <v>26</v>
      </c>
      <c r="F79" s="26">
        <v>24</v>
      </c>
      <c r="G79" s="27">
        <v>50</v>
      </c>
      <c r="H79" s="31">
        <v>2259</v>
      </c>
      <c r="I79" s="26">
        <v>2283</v>
      </c>
      <c r="J79" s="27">
        <v>4542</v>
      </c>
    </row>
    <row r="80" spans="1:10" ht="18" customHeight="1" x14ac:dyDescent="0.2">
      <c r="A80" s="24">
        <v>61</v>
      </c>
      <c r="B80" s="25">
        <v>2274</v>
      </c>
      <c r="C80" s="26">
        <v>2449</v>
      </c>
      <c r="D80" s="27">
        <v>4723</v>
      </c>
      <c r="E80" s="31">
        <v>11</v>
      </c>
      <c r="F80" s="26">
        <v>33</v>
      </c>
      <c r="G80" s="27">
        <v>44</v>
      </c>
      <c r="H80" s="31">
        <v>2285</v>
      </c>
      <c r="I80" s="26">
        <v>2482</v>
      </c>
      <c r="J80" s="27">
        <v>4767</v>
      </c>
    </row>
    <row r="81" spans="1:10" ht="18" customHeight="1" x14ac:dyDescent="0.2">
      <c r="A81" s="24">
        <v>62</v>
      </c>
      <c r="B81" s="25">
        <v>2337</v>
      </c>
      <c r="C81" s="26">
        <v>2360</v>
      </c>
      <c r="D81" s="27">
        <v>4697</v>
      </c>
      <c r="E81" s="31">
        <v>13</v>
      </c>
      <c r="F81" s="26">
        <v>19</v>
      </c>
      <c r="G81" s="27">
        <v>32</v>
      </c>
      <c r="H81" s="31">
        <v>2350</v>
      </c>
      <c r="I81" s="26">
        <v>2379</v>
      </c>
      <c r="J81" s="27">
        <v>4729</v>
      </c>
    </row>
    <row r="82" spans="1:10" ht="18" customHeight="1" x14ac:dyDescent="0.2">
      <c r="A82" s="24">
        <v>63</v>
      </c>
      <c r="B82" s="25">
        <v>2289</v>
      </c>
      <c r="C82" s="26">
        <v>2426</v>
      </c>
      <c r="D82" s="27">
        <v>4715</v>
      </c>
      <c r="E82" s="31">
        <v>5</v>
      </c>
      <c r="F82" s="26">
        <v>22</v>
      </c>
      <c r="G82" s="27">
        <v>27</v>
      </c>
      <c r="H82" s="31">
        <v>2294</v>
      </c>
      <c r="I82" s="26">
        <v>2448</v>
      </c>
      <c r="J82" s="27">
        <v>4742</v>
      </c>
    </row>
    <row r="83" spans="1:10" ht="18" customHeight="1" x14ac:dyDescent="0.2">
      <c r="A83" s="24">
        <v>64</v>
      </c>
      <c r="B83" s="25">
        <v>2231</v>
      </c>
      <c r="C83" s="26">
        <v>2304</v>
      </c>
      <c r="D83" s="27">
        <v>4535</v>
      </c>
      <c r="E83" s="31">
        <v>12</v>
      </c>
      <c r="F83" s="26">
        <v>22</v>
      </c>
      <c r="G83" s="27">
        <v>34</v>
      </c>
      <c r="H83" s="31">
        <v>2243</v>
      </c>
      <c r="I83" s="26">
        <v>2326</v>
      </c>
      <c r="J83" s="27">
        <v>4569</v>
      </c>
    </row>
    <row r="84" spans="1:10" ht="18" customHeight="1" x14ac:dyDescent="0.2">
      <c r="A84" s="24" t="s">
        <v>22</v>
      </c>
      <c r="B84" s="25">
        <v>11364</v>
      </c>
      <c r="C84" s="26">
        <v>11798</v>
      </c>
      <c r="D84" s="27">
        <v>23162</v>
      </c>
      <c r="E84" s="31">
        <v>67</v>
      </c>
      <c r="F84" s="26">
        <v>120</v>
      </c>
      <c r="G84" s="27">
        <v>187</v>
      </c>
      <c r="H84" s="31">
        <v>11431</v>
      </c>
      <c r="I84" s="26">
        <v>11918</v>
      </c>
      <c r="J84" s="27">
        <v>23349</v>
      </c>
    </row>
    <row r="85" spans="1:10" ht="18" customHeight="1" x14ac:dyDescent="0.2">
      <c r="A85" s="24" t="s">
        <v>23</v>
      </c>
      <c r="B85" s="25">
        <v>119914</v>
      </c>
      <c r="C85" s="26">
        <v>112681</v>
      </c>
      <c r="D85" s="27">
        <v>232595</v>
      </c>
      <c r="E85" s="31">
        <v>3251</v>
      </c>
      <c r="F85" s="26">
        <v>3276</v>
      </c>
      <c r="G85" s="27">
        <v>6527</v>
      </c>
      <c r="H85" s="31">
        <v>123165</v>
      </c>
      <c r="I85" s="26">
        <v>115957</v>
      </c>
      <c r="J85" s="27">
        <v>239122</v>
      </c>
    </row>
    <row r="86" spans="1:10" ht="18" customHeight="1" x14ac:dyDescent="0.2">
      <c r="A86" s="24">
        <v>65</v>
      </c>
      <c r="B86" s="25">
        <v>2209</v>
      </c>
      <c r="C86" s="26">
        <v>2242</v>
      </c>
      <c r="D86" s="27">
        <v>4451</v>
      </c>
      <c r="E86" s="31">
        <v>12</v>
      </c>
      <c r="F86" s="26">
        <v>13</v>
      </c>
      <c r="G86" s="27">
        <v>25</v>
      </c>
      <c r="H86" s="31">
        <v>2221</v>
      </c>
      <c r="I86" s="26">
        <v>2255</v>
      </c>
      <c r="J86" s="27">
        <v>4476</v>
      </c>
    </row>
    <row r="87" spans="1:10" ht="18" customHeight="1" x14ac:dyDescent="0.2">
      <c r="A87" s="24">
        <v>66</v>
      </c>
      <c r="B87" s="25">
        <v>2226</v>
      </c>
      <c r="C87" s="26">
        <v>2460</v>
      </c>
      <c r="D87" s="27">
        <v>4686</v>
      </c>
      <c r="E87" s="31">
        <v>7</v>
      </c>
      <c r="F87" s="26">
        <v>14</v>
      </c>
      <c r="G87" s="27">
        <v>21</v>
      </c>
      <c r="H87" s="31">
        <v>2233</v>
      </c>
      <c r="I87" s="26">
        <v>2474</v>
      </c>
      <c r="J87" s="27">
        <v>4707</v>
      </c>
    </row>
    <row r="88" spans="1:10" ht="18" customHeight="1" x14ac:dyDescent="0.2">
      <c r="A88" s="24">
        <v>67</v>
      </c>
      <c r="B88" s="25">
        <v>2459</v>
      </c>
      <c r="C88" s="26">
        <v>2636</v>
      </c>
      <c r="D88" s="27">
        <v>5095</v>
      </c>
      <c r="E88" s="31">
        <v>9</v>
      </c>
      <c r="F88" s="26">
        <v>13</v>
      </c>
      <c r="G88" s="27">
        <v>22</v>
      </c>
      <c r="H88" s="31">
        <v>2468</v>
      </c>
      <c r="I88" s="26">
        <v>2649</v>
      </c>
      <c r="J88" s="27">
        <v>5117</v>
      </c>
    </row>
    <row r="89" spans="1:10" ht="18" customHeight="1" x14ac:dyDescent="0.2">
      <c r="A89" s="24">
        <v>68</v>
      </c>
      <c r="B89" s="25">
        <v>2391</v>
      </c>
      <c r="C89" s="26">
        <v>2542</v>
      </c>
      <c r="D89" s="27">
        <v>4933</v>
      </c>
      <c r="E89" s="31">
        <v>12</v>
      </c>
      <c r="F89" s="26">
        <v>10</v>
      </c>
      <c r="G89" s="27">
        <v>22</v>
      </c>
      <c r="H89" s="31">
        <v>2403</v>
      </c>
      <c r="I89" s="26">
        <v>2552</v>
      </c>
      <c r="J89" s="27">
        <v>4955</v>
      </c>
    </row>
    <row r="90" spans="1:10" ht="18" customHeight="1" x14ac:dyDescent="0.2">
      <c r="A90" s="24">
        <v>69</v>
      </c>
      <c r="B90" s="25">
        <v>2567</v>
      </c>
      <c r="C90" s="26">
        <v>2827</v>
      </c>
      <c r="D90" s="27">
        <v>5394</v>
      </c>
      <c r="E90" s="31">
        <v>10</v>
      </c>
      <c r="F90" s="26">
        <v>4</v>
      </c>
      <c r="G90" s="27">
        <v>14</v>
      </c>
      <c r="H90" s="31">
        <v>2577</v>
      </c>
      <c r="I90" s="26">
        <v>2831</v>
      </c>
      <c r="J90" s="27">
        <v>5408</v>
      </c>
    </row>
    <row r="91" spans="1:10" ht="18" customHeight="1" x14ac:dyDescent="0.2">
      <c r="A91" s="24" t="s">
        <v>24</v>
      </c>
      <c r="B91" s="25">
        <v>11852</v>
      </c>
      <c r="C91" s="26">
        <v>12707</v>
      </c>
      <c r="D91" s="27">
        <v>24559</v>
      </c>
      <c r="E91" s="31">
        <v>50</v>
      </c>
      <c r="F91" s="26">
        <v>54</v>
      </c>
      <c r="G91" s="27">
        <v>104</v>
      </c>
      <c r="H91" s="31">
        <v>11902</v>
      </c>
      <c r="I91" s="26">
        <v>12761</v>
      </c>
      <c r="J91" s="27">
        <v>24663</v>
      </c>
    </row>
    <row r="92" spans="1:10" ht="18" customHeight="1" x14ac:dyDescent="0.2">
      <c r="A92" s="24">
        <v>70</v>
      </c>
      <c r="B92" s="25">
        <v>2548</v>
      </c>
      <c r="C92" s="26">
        <v>2776</v>
      </c>
      <c r="D92" s="27">
        <v>5324</v>
      </c>
      <c r="E92" s="31">
        <v>3</v>
      </c>
      <c r="F92" s="26">
        <v>16</v>
      </c>
      <c r="G92" s="27">
        <v>19</v>
      </c>
      <c r="H92" s="31">
        <v>2551</v>
      </c>
      <c r="I92" s="26">
        <v>2792</v>
      </c>
      <c r="J92" s="27">
        <v>5343</v>
      </c>
    </row>
    <row r="93" spans="1:10" ht="18" customHeight="1" x14ac:dyDescent="0.2">
      <c r="A93" s="24">
        <v>71</v>
      </c>
      <c r="B93" s="25">
        <v>2694</v>
      </c>
      <c r="C93" s="26">
        <v>3030</v>
      </c>
      <c r="D93" s="27">
        <v>5724</v>
      </c>
      <c r="E93" s="31">
        <v>12</v>
      </c>
      <c r="F93" s="26">
        <v>10</v>
      </c>
      <c r="G93" s="27">
        <v>22</v>
      </c>
      <c r="H93" s="31">
        <v>2706</v>
      </c>
      <c r="I93" s="26">
        <v>3040</v>
      </c>
      <c r="J93" s="27">
        <v>5746</v>
      </c>
    </row>
    <row r="94" spans="1:10" ht="18" customHeight="1" x14ac:dyDescent="0.2">
      <c r="A94" s="24">
        <v>72</v>
      </c>
      <c r="B94" s="25">
        <v>2956</v>
      </c>
      <c r="C94" s="26">
        <v>3462</v>
      </c>
      <c r="D94" s="27">
        <v>6418</v>
      </c>
      <c r="E94" s="31">
        <v>5</v>
      </c>
      <c r="F94" s="26">
        <v>13</v>
      </c>
      <c r="G94" s="27">
        <v>18</v>
      </c>
      <c r="H94" s="31">
        <v>2961</v>
      </c>
      <c r="I94" s="26">
        <v>3475</v>
      </c>
      <c r="J94" s="27">
        <v>6436</v>
      </c>
    </row>
    <row r="95" spans="1:10" ht="18" customHeight="1" x14ac:dyDescent="0.2">
      <c r="A95" s="24">
        <v>73</v>
      </c>
      <c r="B95" s="25">
        <v>3328</v>
      </c>
      <c r="C95" s="26">
        <v>3649</v>
      </c>
      <c r="D95" s="27">
        <v>6977</v>
      </c>
      <c r="E95" s="31">
        <v>13</v>
      </c>
      <c r="F95" s="26">
        <v>10</v>
      </c>
      <c r="G95" s="27">
        <v>23</v>
      </c>
      <c r="H95" s="31">
        <v>3341</v>
      </c>
      <c r="I95" s="26">
        <v>3659</v>
      </c>
      <c r="J95" s="27">
        <v>7000</v>
      </c>
    </row>
    <row r="96" spans="1:10" ht="18" customHeight="1" x14ac:dyDescent="0.2">
      <c r="A96" s="24">
        <v>74</v>
      </c>
      <c r="B96" s="25">
        <v>3257</v>
      </c>
      <c r="C96" s="26">
        <v>3803</v>
      </c>
      <c r="D96" s="27">
        <v>7060</v>
      </c>
      <c r="E96" s="31">
        <v>8</v>
      </c>
      <c r="F96" s="26">
        <v>10</v>
      </c>
      <c r="G96" s="27">
        <v>18</v>
      </c>
      <c r="H96" s="31">
        <v>3265</v>
      </c>
      <c r="I96" s="26">
        <v>3813</v>
      </c>
      <c r="J96" s="27">
        <v>7078</v>
      </c>
    </row>
    <row r="97" spans="1:10" ht="18" customHeight="1" x14ac:dyDescent="0.2">
      <c r="A97" s="24" t="s">
        <v>25</v>
      </c>
      <c r="B97" s="25">
        <v>14783</v>
      </c>
      <c r="C97" s="26">
        <v>16720</v>
      </c>
      <c r="D97" s="27">
        <v>31503</v>
      </c>
      <c r="E97" s="31">
        <v>41</v>
      </c>
      <c r="F97" s="26">
        <v>59</v>
      </c>
      <c r="G97" s="27">
        <v>100</v>
      </c>
      <c r="H97" s="31">
        <v>14824</v>
      </c>
      <c r="I97" s="26">
        <v>16779</v>
      </c>
      <c r="J97" s="27">
        <v>31603</v>
      </c>
    </row>
    <row r="98" spans="1:10" ht="18" customHeight="1" x14ac:dyDescent="0.2">
      <c r="A98" s="24">
        <v>75</v>
      </c>
      <c r="B98" s="25">
        <v>3247</v>
      </c>
      <c r="C98" s="26">
        <v>3992</v>
      </c>
      <c r="D98" s="27">
        <v>7239</v>
      </c>
      <c r="E98" s="31">
        <v>6</v>
      </c>
      <c r="F98" s="26">
        <v>8</v>
      </c>
      <c r="G98" s="27">
        <v>14</v>
      </c>
      <c r="H98" s="31">
        <v>3253</v>
      </c>
      <c r="I98" s="26">
        <v>4000</v>
      </c>
      <c r="J98" s="27">
        <v>7253</v>
      </c>
    </row>
    <row r="99" spans="1:10" ht="18" customHeight="1" x14ac:dyDescent="0.2">
      <c r="A99" s="24">
        <v>76</v>
      </c>
      <c r="B99" s="25">
        <v>1637</v>
      </c>
      <c r="C99" s="26">
        <v>1967</v>
      </c>
      <c r="D99" s="27">
        <v>3604</v>
      </c>
      <c r="E99" s="31">
        <v>3</v>
      </c>
      <c r="F99" s="26">
        <v>6</v>
      </c>
      <c r="G99" s="27">
        <v>9</v>
      </c>
      <c r="H99" s="31">
        <v>1640</v>
      </c>
      <c r="I99" s="26">
        <v>1973</v>
      </c>
      <c r="J99" s="27">
        <v>3613</v>
      </c>
    </row>
    <row r="100" spans="1:10" ht="18" customHeight="1" x14ac:dyDescent="0.2">
      <c r="A100" s="24">
        <v>77</v>
      </c>
      <c r="B100" s="25">
        <v>1851</v>
      </c>
      <c r="C100" s="26">
        <v>2338</v>
      </c>
      <c r="D100" s="27">
        <v>4189</v>
      </c>
      <c r="E100" s="31">
        <v>6</v>
      </c>
      <c r="F100" s="26">
        <v>3</v>
      </c>
      <c r="G100" s="27">
        <v>9</v>
      </c>
      <c r="H100" s="31">
        <v>1857</v>
      </c>
      <c r="I100" s="26">
        <v>2341</v>
      </c>
      <c r="J100" s="27">
        <v>4198</v>
      </c>
    </row>
    <row r="101" spans="1:10" ht="18" customHeight="1" x14ac:dyDescent="0.2">
      <c r="A101" s="24">
        <v>78</v>
      </c>
      <c r="B101" s="25">
        <v>2231</v>
      </c>
      <c r="C101" s="26">
        <v>2925</v>
      </c>
      <c r="D101" s="27">
        <v>5156</v>
      </c>
      <c r="E101" s="31">
        <v>3</v>
      </c>
      <c r="F101" s="26">
        <v>9</v>
      </c>
      <c r="G101" s="27">
        <v>12</v>
      </c>
      <c r="H101" s="31">
        <v>2234</v>
      </c>
      <c r="I101" s="26">
        <v>2934</v>
      </c>
      <c r="J101" s="27">
        <v>5168</v>
      </c>
    </row>
    <row r="102" spans="1:10" ht="18" customHeight="1" x14ac:dyDescent="0.2">
      <c r="A102" s="24">
        <v>79</v>
      </c>
      <c r="B102" s="25">
        <v>2037</v>
      </c>
      <c r="C102" s="26">
        <v>2679</v>
      </c>
      <c r="D102" s="27">
        <v>4716</v>
      </c>
      <c r="E102" s="31">
        <v>3</v>
      </c>
      <c r="F102" s="26">
        <v>5</v>
      </c>
      <c r="G102" s="27">
        <v>8</v>
      </c>
      <c r="H102" s="31">
        <v>2040</v>
      </c>
      <c r="I102" s="26">
        <v>2684</v>
      </c>
      <c r="J102" s="27">
        <v>4724</v>
      </c>
    </row>
    <row r="103" spans="1:10" ht="18" customHeight="1" x14ac:dyDescent="0.2">
      <c r="A103" s="24" t="s">
        <v>26</v>
      </c>
      <c r="B103" s="25">
        <v>11003</v>
      </c>
      <c r="C103" s="26">
        <v>13901</v>
      </c>
      <c r="D103" s="27">
        <v>24904</v>
      </c>
      <c r="E103" s="31">
        <v>21</v>
      </c>
      <c r="F103" s="26">
        <v>31</v>
      </c>
      <c r="G103" s="27">
        <v>52</v>
      </c>
      <c r="H103" s="31">
        <v>11024</v>
      </c>
      <c r="I103" s="26">
        <v>13932</v>
      </c>
      <c r="J103" s="27">
        <v>24956</v>
      </c>
    </row>
    <row r="104" spans="1:10" ht="18" customHeight="1" x14ac:dyDescent="0.2">
      <c r="A104" s="24">
        <v>80</v>
      </c>
      <c r="B104" s="25">
        <v>2129</v>
      </c>
      <c r="C104" s="26">
        <v>2934</v>
      </c>
      <c r="D104" s="27">
        <v>5063</v>
      </c>
      <c r="E104" s="31">
        <v>4</v>
      </c>
      <c r="F104" s="26">
        <v>4</v>
      </c>
      <c r="G104" s="27">
        <v>8</v>
      </c>
      <c r="H104" s="31">
        <v>2133</v>
      </c>
      <c r="I104" s="26">
        <v>2938</v>
      </c>
      <c r="J104" s="27">
        <v>5071</v>
      </c>
    </row>
    <row r="105" spans="1:10" ht="18" customHeight="1" x14ac:dyDescent="0.2">
      <c r="A105" s="24">
        <v>81</v>
      </c>
      <c r="B105" s="25">
        <v>1846</v>
      </c>
      <c r="C105" s="26">
        <v>2489</v>
      </c>
      <c r="D105" s="27">
        <v>4335</v>
      </c>
      <c r="E105" s="31">
        <v>4</v>
      </c>
      <c r="F105" s="26">
        <v>6</v>
      </c>
      <c r="G105" s="27">
        <v>10</v>
      </c>
      <c r="H105" s="31">
        <v>1850</v>
      </c>
      <c r="I105" s="26">
        <v>2495</v>
      </c>
      <c r="J105" s="27">
        <v>4345</v>
      </c>
    </row>
    <row r="106" spans="1:10" ht="18" customHeight="1" x14ac:dyDescent="0.2">
      <c r="A106" s="24">
        <v>82</v>
      </c>
      <c r="B106" s="25">
        <v>1583</v>
      </c>
      <c r="C106" s="26">
        <v>2190</v>
      </c>
      <c r="D106" s="27">
        <v>3773</v>
      </c>
      <c r="E106" s="31">
        <v>2</v>
      </c>
      <c r="F106" s="26">
        <v>6</v>
      </c>
      <c r="G106" s="27">
        <v>8</v>
      </c>
      <c r="H106" s="31">
        <v>1585</v>
      </c>
      <c r="I106" s="26">
        <v>2196</v>
      </c>
      <c r="J106" s="27">
        <v>3781</v>
      </c>
    </row>
    <row r="107" spans="1:10" ht="18" customHeight="1" x14ac:dyDescent="0.2">
      <c r="A107" s="24">
        <v>83</v>
      </c>
      <c r="B107" s="25">
        <v>1219</v>
      </c>
      <c r="C107" s="26">
        <v>1816</v>
      </c>
      <c r="D107" s="27">
        <v>3035</v>
      </c>
      <c r="E107" s="31">
        <v>2</v>
      </c>
      <c r="F107" s="26">
        <v>4</v>
      </c>
      <c r="G107" s="27">
        <v>6</v>
      </c>
      <c r="H107" s="31">
        <v>1221</v>
      </c>
      <c r="I107" s="26">
        <v>1820</v>
      </c>
      <c r="J107" s="27">
        <v>3041</v>
      </c>
    </row>
    <row r="108" spans="1:10" ht="18" customHeight="1" x14ac:dyDescent="0.2">
      <c r="A108" s="24">
        <v>84</v>
      </c>
      <c r="B108" s="25">
        <v>1247</v>
      </c>
      <c r="C108" s="26">
        <v>1918</v>
      </c>
      <c r="D108" s="27">
        <v>3165</v>
      </c>
      <c r="E108" s="31">
        <v>3</v>
      </c>
      <c r="F108" s="26">
        <v>1</v>
      </c>
      <c r="G108" s="27">
        <v>4</v>
      </c>
      <c r="H108" s="31">
        <v>1250</v>
      </c>
      <c r="I108" s="26">
        <v>1919</v>
      </c>
      <c r="J108" s="27">
        <v>3169</v>
      </c>
    </row>
    <row r="109" spans="1:10" ht="18" customHeight="1" x14ac:dyDescent="0.2">
      <c r="A109" s="24" t="s">
        <v>27</v>
      </c>
      <c r="B109" s="25">
        <v>8024</v>
      </c>
      <c r="C109" s="26">
        <v>11347</v>
      </c>
      <c r="D109" s="27">
        <v>19371</v>
      </c>
      <c r="E109" s="31">
        <v>15</v>
      </c>
      <c r="F109" s="26">
        <v>21</v>
      </c>
      <c r="G109" s="27">
        <v>36</v>
      </c>
      <c r="H109" s="31">
        <v>8039</v>
      </c>
      <c r="I109" s="26">
        <v>11368</v>
      </c>
      <c r="J109" s="27">
        <v>19407</v>
      </c>
    </row>
    <row r="110" spans="1:10" ht="18" customHeight="1" x14ac:dyDescent="0.2">
      <c r="A110" s="24">
        <v>85</v>
      </c>
      <c r="B110" s="25">
        <v>1155</v>
      </c>
      <c r="C110" s="26">
        <v>1904</v>
      </c>
      <c r="D110" s="27">
        <v>3059</v>
      </c>
      <c r="E110" s="31">
        <v>2</v>
      </c>
      <c r="F110" s="26">
        <v>6</v>
      </c>
      <c r="G110" s="27">
        <v>8</v>
      </c>
      <c r="H110" s="31">
        <v>1157</v>
      </c>
      <c r="I110" s="26">
        <v>1910</v>
      </c>
      <c r="J110" s="27">
        <v>3067</v>
      </c>
    </row>
    <row r="111" spans="1:10" ht="18" customHeight="1" x14ac:dyDescent="0.2">
      <c r="A111" s="24">
        <v>86</v>
      </c>
      <c r="B111" s="25">
        <v>1140</v>
      </c>
      <c r="C111" s="26">
        <v>2121</v>
      </c>
      <c r="D111" s="27">
        <v>3261</v>
      </c>
      <c r="E111" s="31">
        <v>0</v>
      </c>
      <c r="F111" s="26">
        <v>3</v>
      </c>
      <c r="G111" s="27">
        <v>3</v>
      </c>
      <c r="H111" s="31">
        <v>1140</v>
      </c>
      <c r="I111" s="26">
        <v>2124</v>
      </c>
      <c r="J111" s="27">
        <v>3264</v>
      </c>
    </row>
    <row r="112" spans="1:10" ht="18" customHeight="1" x14ac:dyDescent="0.2">
      <c r="A112" s="24">
        <v>87</v>
      </c>
      <c r="B112" s="25">
        <v>864</v>
      </c>
      <c r="C112" s="26">
        <v>1563</v>
      </c>
      <c r="D112" s="27">
        <v>2427</v>
      </c>
      <c r="E112" s="31">
        <v>0</v>
      </c>
      <c r="F112" s="26">
        <v>5</v>
      </c>
      <c r="G112" s="27">
        <v>5</v>
      </c>
      <c r="H112" s="31">
        <v>864</v>
      </c>
      <c r="I112" s="26">
        <v>1568</v>
      </c>
      <c r="J112" s="27">
        <v>2432</v>
      </c>
    </row>
    <row r="113" spans="1:10" ht="18" customHeight="1" x14ac:dyDescent="0.2">
      <c r="A113" s="24">
        <v>88</v>
      </c>
      <c r="B113" s="25">
        <v>823</v>
      </c>
      <c r="C113" s="26">
        <v>1616</v>
      </c>
      <c r="D113" s="27">
        <v>2439</v>
      </c>
      <c r="E113" s="31">
        <v>3</v>
      </c>
      <c r="F113" s="26">
        <v>3</v>
      </c>
      <c r="G113" s="27">
        <v>6</v>
      </c>
      <c r="H113" s="31">
        <v>826</v>
      </c>
      <c r="I113" s="26">
        <v>1619</v>
      </c>
      <c r="J113" s="27">
        <v>2445</v>
      </c>
    </row>
    <row r="114" spans="1:10" ht="18" customHeight="1" x14ac:dyDescent="0.2">
      <c r="A114" s="24">
        <v>89</v>
      </c>
      <c r="B114" s="25">
        <v>657</v>
      </c>
      <c r="C114" s="26">
        <v>1605</v>
      </c>
      <c r="D114" s="27">
        <v>2262</v>
      </c>
      <c r="E114" s="31">
        <v>0</v>
      </c>
      <c r="F114" s="26">
        <v>4</v>
      </c>
      <c r="G114" s="27">
        <v>4</v>
      </c>
      <c r="H114" s="31">
        <v>657</v>
      </c>
      <c r="I114" s="26">
        <v>1609</v>
      </c>
      <c r="J114" s="27">
        <v>2266</v>
      </c>
    </row>
    <row r="115" spans="1:10" ht="18" customHeight="1" x14ac:dyDescent="0.2">
      <c r="A115" s="24" t="s">
        <v>28</v>
      </c>
      <c r="B115" s="25">
        <v>4639</v>
      </c>
      <c r="C115" s="26">
        <v>8809</v>
      </c>
      <c r="D115" s="27">
        <v>13448</v>
      </c>
      <c r="E115" s="31">
        <v>5</v>
      </c>
      <c r="F115" s="26">
        <v>21</v>
      </c>
      <c r="G115" s="27">
        <v>26</v>
      </c>
      <c r="H115" s="31">
        <v>4644</v>
      </c>
      <c r="I115" s="26">
        <v>8830</v>
      </c>
      <c r="J115" s="27">
        <v>13474</v>
      </c>
    </row>
    <row r="116" spans="1:10" ht="18" customHeight="1" x14ac:dyDescent="0.2">
      <c r="A116" s="24">
        <v>90</v>
      </c>
      <c r="B116" s="25">
        <v>498</v>
      </c>
      <c r="C116" s="26">
        <v>1360</v>
      </c>
      <c r="D116" s="27">
        <v>1858</v>
      </c>
      <c r="E116" s="31">
        <v>0</v>
      </c>
      <c r="F116" s="26">
        <v>4</v>
      </c>
      <c r="G116" s="27">
        <v>4</v>
      </c>
      <c r="H116" s="31">
        <v>498</v>
      </c>
      <c r="I116" s="26">
        <v>1364</v>
      </c>
      <c r="J116" s="27">
        <v>1862</v>
      </c>
    </row>
    <row r="117" spans="1:10" ht="18" customHeight="1" x14ac:dyDescent="0.2">
      <c r="A117" s="24">
        <v>91</v>
      </c>
      <c r="B117" s="25">
        <v>445</v>
      </c>
      <c r="C117" s="26">
        <v>1193</v>
      </c>
      <c r="D117" s="27">
        <v>1638</v>
      </c>
      <c r="E117" s="31">
        <v>0</v>
      </c>
      <c r="F117" s="26">
        <v>4</v>
      </c>
      <c r="G117" s="27">
        <v>4</v>
      </c>
      <c r="H117" s="31">
        <v>445</v>
      </c>
      <c r="I117" s="26">
        <v>1197</v>
      </c>
      <c r="J117" s="27">
        <v>1642</v>
      </c>
    </row>
    <row r="118" spans="1:10" ht="18" customHeight="1" x14ac:dyDescent="0.2">
      <c r="A118" s="24">
        <v>92</v>
      </c>
      <c r="B118" s="25">
        <v>345</v>
      </c>
      <c r="C118" s="26">
        <v>957</v>
      </c>
      <c r="D118" s="27">
        <v>1302</v>
      </c>
      <c r="E118" s="31">
        <v>1</v>
      </c>
      <c r="F118" s="26">
        <v>0</v>
      </c>
      <c r="G118" s="27">
        <v>1</v>
      </c>
      <c r="H118" s="31">
        <v>346</v>
      </c>
      <c r="I118" s="26">
        <v>957</v>
      </c>
      <c r="J118" s="27">
        <v>1303</v>
      </c>
    </row>
    <row r="119" spans="1:10" ht="18" customHeight="1" x14ac:dyDescent="0.2">
      <c r="A119" s="24">
        <v>93</v>
      </c>
      <c r="B119" s="25">
        <v>263</v>
      </c>
      <c r="C119" s="26">
        <v>882</v>
      </c>
      <c r="D119" s="27">
        <v>1145</v>
      </c>
      <c r="E119" s="31">
        <v>0</v>
      </c>
      <c r="F119" s="26">
        <v>2</v>
      </c>
      <c r="G119" s="27">
        <v>2</v>
      </c>
      <c r="H119" s="31">
        <v>263</v>
      </c>
      <c r="I119" s="26">
        <v>884</v>
      </c>
      <c r="J119" s="27">
        <v>1147</v>
      </c>
    </row>
    <row r="120" spans="1:10" ht="18" customHeight="1" x14ac:dyDescent="0.2">
      <c r="A120" s="24">
        <v>94</v>
      </c>
      <c r="B120" s="25">
        <v>207</v>
      </c>
      <c r="C120" s="26">
        <v>654</v>
      </c>
      <c r="D120" s="27">
        <v>861</v>
      </c>
      <c r="E120" s="31">
        <v>0</v>
      </c>
      <c r="F120" s="26">
        <v>0</v>
      </c>
      <c r="G120" s="27">
        <v>0</v>
      </c>
      <c r="H120" s="31">
        <v>207</v>
      </c>
      <c r="I120" s="26">
        <v>654</v>
      </c>
      <c r="J120" s="27">
        <v>861</v>
      </c>
    </row>
    <row r="121" spans="1:10" ht="18" customHeight="1" x14ac:dyDescent="0.2">
      <c r="A121" s="24" t="s">
        <v>29</v>
      </c>
      <c r="B121" s="25">
        <v>1758</v>
      </c>
      <c r="C121" s="26">
        <v>5046</v>
      </c>
      <c r="D121" s="27">
        <v>6804</v>
      </c>
      <c r="E121" s="31">
        <v>1</v>
      </c>
      <c r="F121" s="26">
        <v>10</v>
      </c>
      <c r="G121" s="27">
        <v>11</v>
      </c>
      <c r="H121" s="31">
        <v>1759</v>
      </c>
      <c r="I121" s="26">
        <v>5056</v>
      </c>
      <c r="J121" s="27">
        <v>6815</v>
      </c>
    </row>
    <row r="122" spans="1:10" ht="18" customHeight="1" x14ac:dyDescent="0.2">
      <c r="A122" s="24">
        <v>95</v>
      </c>
      <c r="B122" s="25">
        <v>162</v>
      </c>
      <c r="C122" s="26">
        <v>523</v>
      </c>
      <c r="D122" s="27">
        <v>685</v>
      </c>
      <c r="E122" s="31">
        <v>0</v>
      </c>
      <c r="F122" s="26">
        <v>1</v>
      </c>
      <c r="G122" s="27">
        <v>1</v>
      </c>
      <c r="H122" s="31">
        <v>162</v>
      </c>
      <c r="I122" s="26">
        <v>524</v>
      </c>
      <c r="J122" s="27">
        <v>686</v>
      </c>
    </row>
    <row r="123" spans="1:10" ht="18" customHeight="1" x14ac:dyDescent="0.2">
      <c r="A123" s="24">
        <v>96</v>
      </c>
      <c r="B123" s="25">
        <v>111</v>
      </c>
      <c r="C123" s="26">
        <v>444</v>
      </c>
      <c r="D123" s="27">
        <v>555</v>
      </c>
      <c r="E123" s="31">
        <v>1</v>
      </c>
      <c r="F123" s="26">
        <v>0</v>
      </c>
      <c r="G123" s="27">
        <v>1</v>
      </c>
      <c r="H123" s="31">
        <v>112</v>
      </c>
      <c r="I123" s="26">
        <v>444</v>
      </c>
      <c r="J123" s="27">
        <v>556</v>
      </c>
    </row>
    <row r="124" spans="1:10" ht="18" customHeight="1" x14ac:dyDescent="0.2">
      <c r="A124" s="24">
        <v>97</v>
      </c>
      <c r="B124" s="25">
        <v>66</v>
      </c>
      <c r="C124" s="26">
        <v>369</v>
      </c>
      <c r="D124" s="27">
        <v>435</v>
      </c>
      <c r="E124" s="31">
        <v>0</v>
      </c>
      <c r="F124" s="26">
        <v>0</v>
      </c>
      <c r="G124" s="27">
        <v>0</v>
      </c>
      <c r="H124" s="31">
        <v>66</v>
      </c>
      <c r="I124" s="26">
        <v>369</v>
      </c>
      <c r="J124" s="27">
        <v>435</v>
      </c>
    </row>
    <row r="125" spans="1:10" ht="18" customHeight="1" x14ac:dyDescent="0.2">
      <c r="A125" s="24">
        <v>98</v>
      </c>
      <c r="B125" s="25">
        <v>43</v>
      </c>
      <c r="C125" s="26">
        <v>221</v>
      </c>
      <c r="D125" s="27">
        <v>264</v>
      </c>
      <c r="E125" s="31">
        <v>0</v>
      </c>
      <c r="F125" s="26">
        <v>1</v>
      </c>
      <c r="G125" s="27">
        <v>1</v>
      </c>
      <c r="H125" s="31">
        <v>43</v>
      </c>
      <c r="I125" s="26">
        <v>222</v>
      </c>
      <c r="J125" s="27">
        <v>265</v>
      </c>
    </row>
    <row r="126" spans="1:10" ht="18" customHeight="1" x14ac:dyDescent="0.2">
      <c r="A126" s="24">
        <v>99</v>
      </c>
      <c r="B126" s="25">
        <v>30</v>
      </c>
      <c r="C126" s="26">
        <v>164</v>
      </c>
      <c r="D126" s="27">
        <v>194</v>
      </c>
      <c r="E126" s="31">
        <v>0</v>
      </c>
      <c r="F126" s="26">
        <v>0</v>
      </c>
      <c r="G126" s="27">
        <v>0</v>
      </c>
      <c r="H126" s="31">
        <v>30</v>
      </c>
      <c r="I126" s="26">
        <v>164</v>
      </c>
      <c r="J126" s="27">
        <v>194</v>
      </c>
    </row>
    <row r="127" spans="1:10" ht="18" customHeight="1" x14ac:dyDescent="0.2">
      <c r="A127" s="24" t="s">
        <v>30</v>
      </c>
      <c r="B127" s="25">
        <v>412</v>
      </c>
      <c r="C127" s="26">
        <v>1721</v>
      </c>
      <c r="D127" s="27">
        <v>2133</v>
      </c>
      <c r="E127" s="31">
        <v>1</v>
      </c>
      <c r="F127" s="26">
        <v>2</v>
      </c>
      <c r="G127" s="27">
        <v>3</v>
      </c>
      <c r="H127" s="31">
        <v>413</v>
      </c>
      <c r="I127" s="26">
        <v>1723</v>
      </c>
      <c r="J127" s="27">
        <v>2136</v>
      </c>
    </row>
    <row r="128" spans="1:10" ht="18" customHeight="1" x14ac:dyDescent="0.2">
      <c r="A128" s="24">
        <v>100</v>
      </c>
      <c r="B128" s="25">
        <v>16</v>
      </c>
      <c r="C128" s="26">
        <v>138</v>
      </c>
      <c r="D128" s="27">
        <v>154</v>
      </c>
      <c r="E128" s="31">
        <v>0</v>
      </c>
      <c r="F128" s="26">
        <v>1</v>
      </c>
      <c r="G128" s="27">
        <v>1</v>
      </c>
      <c r="H128" s="31">
        <v>16</v>
      </c>
      <c r="I128" s="26">
        <v>139</v>
      </c>
      <c r="J128" s="27">
        <v>155</v>
      </c>
    </row>
    <row r="129" spans="1:10" ht="18" customHeight="1" x14ac:dyDescent="0.2">
      <c r="A129" s="32" t="s">
        <v>31</v>
      </c>
      <c r="B129" s="25">
        <v>20</v>
      </c>
      <c r="C129" s="26">
        <v>177</v>
      </c>
      <c r="D129" s="27">
        <v>197</v>
      </c>
      <c r="E129" s="31">
        <v>0</v>
      </c>
      <c r="F129" s="26">
        <v>0</v>
      </c>
      <c r="G129" s="27">
        <v>0</v>
      </c>
      <c r="H129" s="31">
        <v>20</v>
      </c>
      <c r="I129" s="26">
        <v>177</v>
      </c>
      <c r="J129" s="27">
        <v>197</v>
      </c>
    </row>
    <row r="130" spans="1:10" ht="18" customHeight="1" x14ac:dyDescent="0.2">
      <c r="A130" s="24" t="s">
        <v>32</v>
      </c>
      <c r="B130" s="25">
        <v>36</v>
      </c>
      <c r="C130" s="26">
        <v>315</v>
      </c>
      <c r="D130" s="27">
        <v>351</v>
      </c>
      <c r="E130" s="31">
        <v>0</v>
      </c>
      <c r="F130" s="26">
        <v>1</v>
      </c>
      <c r="G130" s="27">
        <v>1</v>
      </c>
      <c r="H130" s="31">
        <v>36</v>
      </c>
      <c r="I130" s="26">
        <v>316</v>
      </c>
      <c r="J130" s="27">
        <v>352</v>
      </c>
    </row>
    <row r="131" spans="1:10" ht="18" customHeight="1" x14ac:dyDescent="0.2">
      <c r="A131" s="24" t="s">
        <v>33</v>
      </c>
      <c r="B131" s="33">
        <v>52507</v>
      </c>
      <c r="C131" s="34">
        <v>70566</v>
      </c>
      <c r="D131" s="35">
        <v>123073</v>
      </c>
      <c r="E131" s="36">
        <v>134</v>
      </c>
      <c r="F131" s="34">
        <v>199</v>
      </c>
      <c r="G131" s="35">
        <v>333</v>
      </c>
      <c r="H131" s="36">
        <v>52641</v>
      </c>
      <c r="I131" s="34">
        <v>70765</v>
      </c>
      <c r="J131" s="35">
        <v>123406</v>
      </c>
    </row>
    <row r="132" spans="1:10" ht="18" customHeight="1" x14ac:dyDescent="0.2">
      <c r="A132" s="37" t="s">
        <v>34</v>
      </c>
      <c r="B132" s="38">
        <v>196393</v>
      </c>
      <c r="C132" s="39">
        <v>206109</v>
      </c>
      <c r="D132" s="40">
        <v>402502</v>
      </c>
      <c r="E132" s="41">
        <v>3682</v>
      </c>
      <c r="F132" s="39">
        <v>3755</v>
      </c>
      <c r="G132" s="40">
        <v>7437</v>
      </c>
      <c r="H132" s="41">
        <v>200075</v>
      </c>
      <c r="I132" s="39">
        <v>209864</v>
      </c>
      <c r="J132" s="40">
        <v>409939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9-02T04:36:54Z</dcterms:created>
  <dcterms:modified xsi:type="dcterms:W3CDTF">2022-09-02T04:36:55Z</dcterms:modified>
</cp:coreProperties>
</file>